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 令和6年1月1日現在\03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茅ヶ崎市</t>
  </si>
  <si>
    <t>小田原市</t>
  </si>
  <si>
    <t>鎌倉市</t>
  </si>
  <si>
    <t>秦野市</t>
  </si>
  <si>
    <t>海老名市</t>
  </si>
  <si>
    <t>座間市</t>
  </si>
  <si>
    <t>伊勢原市</t>
  </si>
  <si>
    <t>綾瀬市</t>
  </si>
  <si>
    <t>逗子市</t>
  </si>
  <si>
    <t>三浦市</t>
  </si>
  <si>
    <t>南足柄市</t>
  </si>
  <si>
    <t>郡部計</t>
  </si>
  <si>
    <t>中郡</t>
  </si>
  <si>
    <t>足柄上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相模原市</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６年１月１日現在</t>
  </si>
  <si>
    <t>県計</t>
    <phoneticPr fontId="6"/>
  </si>
  <si>
    <t>市部計</t>
    <phoneticPr fontId="6"/>
  </si>
  <si>
    <t>横浜市</t>
    <phoneticPr fontId="3"/>
  </si>
  <si>
    <t>鶴見区</t>
    <phoneticPr fontId="3"/>
  </si>
  <si>
    <t>神奈川区</t>
    <phoneticPr fontId="6"/>
  </si>
  <si>
    <t>西区</t>
    <phoneticPr fontId="3"/>
  </si>
  <si>
    <t>中区</t>
    <phoneticPr fontId="3"/>
  </si>
  <si>
    <t>南区</t>
    <phoneticPr fontId="3"/>
  </si>
  <si>
    <t>港南区</t>
    <phoneticPr fontId="3"/>
  </si>
  <si>
    <t>保土ケ谷区</t>
    <phoneticPr fontId="6"/>
  </si>
  <si>
    <t>旭区</t>
    <phoneticPr fontId="3"/>
  </si>
  <si>
    <t>磯子区</t>
    <phoneticPr fontId="3"/>
  </si>
  <si>
    <t>金沢区</t>
    <phoneticPr fontId="3"/>
  </si>
  <si>
    <t>港北区</t>
    <phoneticPr fontId="3"/>
  </si>
  <si>
    <t>緑区</t>
    <phoneticPr fontId="3"/>
  </si>
  <si>
    <t>青葉区</t>
    <phoneticPr fontId="3"/>
  </si>
  <si>
    <t>都筑区</t>
    <phoneticPr fontId="3"/>
  </si>
  <si>
    <t>戸塚区</t>
    <phoneticPr fontId="3"/>
  </si>
  <si>
    <t>栄区</t>
    <phoneticPr fontId="3"/>
  </si>
  <si>
    <t>泉区</t>
    <phoneticPr fontId="3"/>
  </si>
  <si>
    <t>瀬谷区</t>
    <phoneticPr fontId="3"/>
  </si>
  <si>
    <t>川崎市</t>
    <phoneticPr fontId="3"/>
  </si>
  <si>
    <t>川崎区</t>
    <phoneticPr fontId="3"/>
  </si>
  <si>
    <t>幸区</t>
    <phoneticPr fontId="6"/>
  </si>
  <si>
    <t>中原区</t>
    <phoneticPr fontId="3"/>
  </si>
  <si>
    <t>高津区</t>
    <phoneticPr fontId="6"/>
  </si>
  <si>
    <t>宮前区</t>
    <phoneticPr fontId="3"/>
  </si>
  <si>
    <t>多摩区</t>
    <phoneticPr fontId="3"/>
  </si>
  <si>
    <t>麻生区</t>
    <phoneticPr fontId="3"/>
  </si>
  <si>
    <t>緑区</t>
    <rPh sb="0" eb="1">
      <t>ミドリ</t>
    </rPh>
    <rPh sb="1" eb="2">
      <t>ク</t>
    </rPh>
    <phoneticPr fontId="6"/>
  </si>
  <si>
    <t>中央区</t>
    <rPh sb="0" eb="1">
      <t>ナカ</t>
    </rPh>
    <rPh sb="1" eb="2">
      <t>ヒサシ</t>
    </rPh>
    <rPh sb="2" eb="3">
      <t>ク</t>
    </rPh>
    <phoneticPr fontId="6"/>
  </si>
  <si>
    <t>南区</t>
    <rPh sb="0" eb="1">
      <t>ミナミ</t>
    </rPh>
    <rPh sb="1" eb="2">
      <t>ク</t>
    </rPh>
    <phoneticPr fontId="6"/>
  </si>
  <si>
    <t>横須賀市</t>
    <phoneticPr fontId="3"/>
  </si>
  <si>
    <t>平塚市</t>
    <phoneticPr fontId="3"/>
  </si>
  <si>
    <t>厚木市</t>
    <phoneticPr fontId="3"/>
  </si>
  <si>
    <t>大和市</t>
    <phoneticPr fontId="3"/>
  </si>
  <si>
    <t>三浦郡葉山町</t>
    <phoneticPr fontId="6"/>
  </si>
  <si>
    <t>高座郡寒川町</t>
    <phoneticPr fontId="6"/>
  </si>
  <si>
    <t>大磯町</t>
    <phoneticPr fontId="3"/>
  </si>
  <si>
    <t>二宮町</t>
    <phoneticPr fontId="3"/>
  </si>
  <si>
    <t>中井町</t>
    <phoneticPr fontId="3"/>
  </si>
  <si>
    <t>大井町</t>
    <phoneticPr fontId="3"/>
  </si>
  <si>
    <t>松田町</t>
    <phoneticPr fontId="3"/>
  </si>
  <si>
    <t>山北町</t>
    <phoneticPr fontId="3"/>
  </si>
  <si>
    <t>開成町</t>
    <phoneticPr fontId="3"/>
  </si>
  <si>
    <t>足柄下郡</t>
    <phoneticPr fontId="3"/>
  </si>
  <si>
    <t>箱根町</t>
    <phoneticPr fontId="3"/>
  </si>
  <si>
    <t>真鶴町</t>
    <phoneticPr fontId="3"/>
  </si>
  <si>
    <t>湯河原町</t>
    <phoneticPr fontId="6"/>
  </si>
  <si>
    <t>愛川町</t>
    <phoneticPr fontId="3"/>
  </si>
  <si>
    <t>清川村</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31" fillId="3" borderId="0" xfId="3" applyFont="1" applyFill="1" applyBorder="1" applyAlignment="1" applyProtection="1">
      <alignment horizontal="left" vertical="center"/>
    </xf>
    <xf numFmtId="37" fontId="19" fillId="0" borderId="0" xfId="3" applyFont="1" applyBorder="1" applyAlignment="1" applyProtection="1">
      <alignment horizontal="left" vertical="center"/>
    </xf>
    <xf numFmtId="37" fontId="19" fillId="0" borderId="0" xfId="3" applyFont="1" applyBorder="1" applyAlignment="1">
      <alignment horizontal="left" vertical="center"/>
    </xf>
    <xf numFmtId="37" fontId="19" fillId="2" borderId="0" xfId="3" applyFont="1" applyFill="1" applyBorder="1" applyAlignment="1" applyProtection="1">
      <alignment horizontal="left" vertical="center"/>
    </xf>
    <xf numFmtId="37" fontId="20" fillId="0" borderId="0" xfId="3" applyFont="1" applyBorder="1" applyAlignment="1" applyProtection="1">
      <alignment horizontal="left" vertical="center"/>
    </xf>
    <xf numFmtId="37" fontId="19" fillId="0" borderId="23" xfId="3" applyFont="1" applyBorder="1" applyAlignment="1" applyProtection="1">
      <alignment horizontal="left" vertical="center"/>
    </xf>
    <xf numFmtId="37" fontId="2" fillId="0" borderId="1" xfId="3" applyFont="1" applyBorder="1" applyAlignment="1" applyProtection="1">
      <alignment horizontal="center" vertical="center"/>
    </xf>
    <xf numFmtId="0" fontId="2" fillId="0" borderId="30" xfId="1" applyFont="1" applyBorder="1" applyAlignment="1">
      <alignment horizontal="center"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0" style="46" customWidth="1"/>
    <col min="3" max="3" width="1.625" style="46" customWidth="1"/>
    <col min="4" max="7" width="12.625" style="46" customWidth="1"/>
    <col min="8" max="12" width="10.625" style="46" customWidth="1"/>
  </cols>
  <sheetData>
    <row r="1" spans="1:27" s="1" customFormat="1" ht="25.5">
      <c r="A1" s="63"/>
      <c r="C1" s="2"/>
      <c r="D1" s="3"/>
      <c r="E1" s="4"/>
      <c r="F1" s="4"/>
      <c r="G1" s="76" t="s">
        <v>33</v>
      </c>
      <c r="H1" s="4"/>
      <c r="I1" s="4"/>
      <c r="J1" s="4"/>
      <c r="K1" s="4"/>
      <c r="L1" s="64"/>
    </row>
    <row r="2" spans="1:27" s="1" customFormat="1" ht="13.5">
      <c r="B2" s="46"/>
      <c r="C2" s="46"/>
      <c r="D2" s="46"/>
      <c r="E2" s="46"/>
      <c r="F2" s="46"/>
      <c r="G2" s="46"/>
      <c r="H2" s="46"/>
      <c r="I2" s="46"/>
      <c r="J2" s="46"/>
      <c r="K2" s="46"/>
      <c r="L2" s="46"/>
    </row>
    <row r="3" spans="1:27" s="1" customFormat="1" ht="21.95" customHeight="1" thickBot="1">
      <c r="B3" s="83" t="s">
        <v>40</v>
      </c>
      <c r="C3" s="84"/>
      <c r="D3" s="85"/>
      <c r="E3" s="85"/>
      <c r="F3" s="85"/>
      <c r="G3" s="85"/>
      <c r="H3" s="85"/>
      <c r="I3" s="85"/>
      <c r="J3" s="85"/>
      <c r="K3" s="85"/>
      <c r="L3" s="86" t="s">
        <v>32</v>
      </c>
      <c r="N3" s="62"/>
      <c r="P3"/>
      <c r="Q3"/>
      <c r="R3"/>
      <c r="S3"/>
      <c r="T3"/>
      <c r="U3"/>
      <c r="V3"/>
      <c r="W3"/>
      <c r="X3"/>
      <c r="Y3"/>
      <c r="Z3"/>
      <c r="AA3"/>
    </row>
    <row r="4" spans="1:27" s="1" customFormat="1" ht="18" customHeight="1">
      <c r="A4" s="5"/>
      <c r="B4" s="95" t="s">
        <v>31</v>
      </c>
      <c r="C4" s="66"/>
      <c r="D4" s="97" t="s">
        <v>23</v>
      </c>
      <c r="E4" s="67" t="s">
        <v>5</v>
      </c>
      <c r="F4" s="68"/>
      <c r="G4" s="69" t="s">
        <v>24</v>
      </c>
      <c r="H4" s="70" t="s">
        <v>25</v>
      </c>
      <c r="I4" s="71"/>
      <c r="J4" s="71"/>
      <c r="K4" s="72" t="s">
        <v>26</v>
      </c>
      <c r="L4" s="73" t="s">
        <v>2</v>
      </c>
      <c r="M4" s="6"/>
      <c r="P4"/>
      <c r="Q4"/>
      <c r="R4"/>
      <c r="S4"/>
      <c r="T4"/>
      <c r="U4"/>
      <c r="V4"/>
      <c r="W4"/>
      <c r="X4"/>
      <c r="Y4"/>
      <c r="Z4"/>
      <c r="AA4"/>
    </row>
    <row r="5" spans="1:27" s="1" customFormat="1" ht="18" customHeight="1" thickBot="1">
      <c r="A5" s="7"/>
      <c r="B5" s="96"/>
      <c r="C5" s="87"/>
      <c r="D5" s="98"/>
      <c r="E5" s="74" t="s">
        <v>27</v>
      </c>
      <c r="F5" s="74" t="s">
        <v>3</v>
      </c>
      <c r="G5" s="74" t="s">
        <v>4</v>
      </c>
      <c r="H5" s="74" t="s">
        <v>28</v>
      </c>
      <c r="I5" s="74" t="s">
        <v>0</v>
      </c>
      <c r="J5" s="74" t="s">
        <v>1</v>
      </c>
      <c r="K5" s="74" t="s">
        <v>29</v>
      </c>
      <c r="L5" s="75" t="s">
        <v>35</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89" t="s">
        <v>41</v>
      </c>
      <c r="C7" s="14"/>
      <c r="D7" s="15">
        <v>4356329</v>
      </c>
      <c r="E7" s="16">
        <v>9225091</v>
      </c>
      <c r="F7" s="17">
        <v>4571614</v>
      </c>
      <c r="G7" s="17">
        <v>4653477</v>
      </c>
      <c r="H7" s="17">
        <v>-1950</v>
      </c>
      <c r="I7" s="17">
        <v>-3775</v>
      </c>
      <c r="J7" s="17">
        <v>1825</v>
      </c>
      <c r="K7" s="18">
        <v>2.1176295454268952</v>
      </c>
      <c r="L7" s="19">
        <v>3817.8266951397163</v>
      </c>
      <c r="M7" s="20"/>
      <c r="N7" s="62"/>
      <c r="P7"/>
      <c r="Q7"/>
      <c r="R7"/>
      <c r="S7"/>
      <c r="T7"/>
      <c r="U7"/>
      <c r="V7"/>
      <c r="W7"/>
      <c r="X7"/>
      <c r="Y7"/>
      <c r="Z7"/>
      <c r="AA7"/>
    </row>
    <row r="8" spans="1:27" s="1" customFormat="1" ht="24" customHeight="1">
      <c r="A8" s="21"/>
      <c r="B8" s="90" t="s">
        <v>42</v>
      </c>
      <c r="C8" s="22"/>
      <c r="D8" s="23">
        <v>4232530</v>
      </c>
      <c r="E8" s="24">
        <v>8940961</v>
      </c>
      <c r="F8" s="25">
        <v>4432004</v>
      </c>
      <c r="G8" s="25">
        <v>4508957</v>
      </c>
      <c r="H8" s="25">
        <v>-1882</v>
      </c>
      <c r="I8" s="25">
        <v>-3515</v>
      </c>
      <c r="J8" s="25">
        <v>1633</v>
      </c>
      <c r="K8" s="26">
        <v>2.1124388958849671</v>
      </c>
      <c r="L8" s="27">
        <v>4939.7028762113123</v>
      </c>
      <c r="M8" s="20"/>
      <c r="N8" s="62"/>
      <c r="P8"/>
      <c r="Q8"/>
      <c r="R8"/>
      <c r="S8"/>
      <c r="T8"/>
      <c r="U8"/>
      <c r="V8"/>
      <c r="W8"/>
      <c r="X8"/>
      <c r="Y8"/>
      <c r="Z8"/>
      <c r="AA8"/>
    </row>
    <row r="9" spans="1:27" s="1" customFormat="1" ht="24" customHeight="1">
      <c r="A9" s="21"/>
      <c r="B9" s="90" t="s">
        <v>19</v>
      </c>
      <c r="C9" s="22"/>
      <c r="D9" s="23">
        <v>123799</v>
      </c>
      <c r="E9" s="24">
        <v>284130</v>
      </c>
      <c r="F9" s="25">
        <v>139610</v>
      </c>
      <c r="G9" s="25">
        <v>144520</v>
      </c>
      <c r="H9" s="25">
        <v>-68</v>
      </c>
      <c r="I9" s="25">
        <v>-260</v>
      </c>
      <c r="J9" s="25">
        <v>192</v>
      </c>
      <c r="K9" s="26">
        <v>2.295091236601265</v>
      </c>
      <c r="L9" s="27">
        <v>468.6216621860105</v>
      </c>
      <c r="M9" s="20"/>
      <c r="N9"/>
      <c r="P9"/>
      <c r="Q9"/>
      <c r="R9"/>
      <c r="S9"/>
      <c r="T9"/>
      <c r="U9"/>
      <c r="V9"/>
      <c r="W9"/>
      <c r="X9"/>
      <c r="Y9"/>
      <c r="Z9"/>
      <c r="AA9"/>
    </row>
    <row r="10" spans="1:27" s="1" customFormat="1" ht="24" customHeight="1">
      <c r="A10" s="21"/>
      <c r="B10" s="91"/>
      <c r="C10" s="28"/>
      <c r="D10" s="29"/>
      <c r="E10" s="30"/>
      <c r="F10" s="31"/>
      <c r="G10" s="31"/>
      <c r="H10" s="31"/>
      <c r="I10" s="31"/>
      <c r="J10" s="31"/>
      <c r="K10" s="32"/>
      <c r="L10" s="33"/>
      <c r="M10" s="20"/>
    </row>
    <row r="11" spans="1:27" s="1" customFormat="1" ht="24" customHeight="1">
      <c r="A11" s="34"/>
      <c r="B11" s="92" t="s">
        <v>43</v>
      </c>
      <c r="C11" s="35"/>
      <c r="D11" s="36">
        <v>1800110</v>
      </c>
      <c r="E11" s="37">
        <v>3769220</v>
      </c>
      <c r="F11" s="38">
        <v>1857980</v>
      </c>
      <c r="G11" s="38">
        <v>1911240</v>
      </c>
      <c r="H11" s="38">
        <v>-959</v>
      </c>
      <c r="I11" s="38">
        <v>-1386</v>
      </c>
      <c r="J11" s="38">
        <v>427</v>
      </c>
      <c r="K11" s="39">
        <v>2.0938831515851808</v>
      </c>
      <c r="L11" s="40">
        <v>8605.328645464715</v>
      </c>
      <c r="M11" s="20"/>
    </row>
    <row r="12" spans="1:27" s="1" customFormat="1" ht="24" customHeight="1">
      <c r="A12" s="21"/>
      <c r="B12" s="90" t="s">
        <v>44</v>
      </c>
      <c r="C12" s="22"/>
      <c r="D12" s="23">
        <v>148477</v>
      </c>
      <c r="E12" s="24">
        <v>295648</v>
      </c>
      <c r="F12" s="25">
        <v>152546</v>
      </c>
      <c r="G12" s="25">
        <v>143102</v>
      </c>
      <c r="H12" s="25">
        <v>-76</v>
      </c>
      <c r="I12" s="25">
        <v>-68</v>
      </c>
      <c r="J12" s="25">
        <v>-8</v>
      </c>
      <c r="K12" s="26">
        <v>1.9912040248658041</v>
      </c>
      <c r="L12" s="27">
        <v>8899.6989765201688</v>
      </c>
      <c r="M12" s="20"/>
    </row>
    <row r="13" spans="1:27" s="1" customFormat="1" ht="24" customHeight="1">
      <c r="A13" s="21"/>
      <c r="B13" s="93" t="s">
        <v>45</v>
      </c>
      <c r="C13" s="22"/>
      <c r="D13" s="23">
        <v>133811</v>
      </c>
      <c r="E13" s="24">
        <v>249672</v>
      </c>
      <c r="F13" s="25">
        <v>126965</v>
      </c>
      <c r="G13" s="25">
        <v>122707</v>
      </c>
      <c r="H13" s="25">
        <v>-157</v>
      </c>
      <c r="I13" s="25">
        <v>-64</v>
      </c>
      <c r="J13" s="25">
        <v>-93</v>
      </c>
      <c r="K13" s="26">
        <v>1.8658555724118346</v>
      </c>
      <c r="L13" s="27">
        <v>10521.365360303413</v>
      </c>
      <c r="M13" s="20"/>
    </row>
    <row r="14" spans="1:27" s="1" customFormat="1" ht="24" customHeight="1">
      <c r="A14" s="21"/>
      <c r="B14" s="90" t="s">
        <v>46</v>
      </c>
      <c r="C14" s="22"/>
      <c r="D14" s="23">
        <v>59195</v>
      </c>
      <c r="E14" s="24">
        <v>106376</v>
      </c>
      <c r="F14" s="25">
        <v>53833</v>
      </c>
      <c r="G14" s="25">
        <v>52543</v>
      </c>
      <c r="H14" s="25">
        <v>-133</v>
      </c>
      <c r="I14" s="25">
        <v>-13</v>
      </c>
      <c r="J14" s="25">
        <v>-120</v>
      </c>
      <c r="K14" s="26">
        <v>1.7970436692288201</v>
      </c>
      <c r="L14" s="27">
        <v>15131.721194879088</v>
      </c>
      <c r="M14" s="20"/>
      <c r="N14" s="41"/>
    </row>
    <row r="15" spans="1:27" s="1" customFormat="1" ht="24" customHeight="1">
      <c r="A15" s="21"/>
      <c r="B15" s="90" t="s">
        <v>47</v>
      </c>
      <c r="C15" s="22"/>
      <c r="D15" s="23">
        <v>87787</v>
      </c>
      <c r="E15" s="24">
        <v>152133</v>
      </c>
      <c r="F15" s="25">
        <v>77152</v>
      </c>
      <c r="G15" s="25">
        <v>74981</v>
      </c>
      <c r="H15" s="25">
        <v>56</v>
      </c>
      <c r="I15" s="25">
        <v>-96</v>
      </c>
      <c r="J15" s="25">
        <v>152</v>
      </c>
      <c r="K15" s="26">
        <v>1.7329786870493353</v>
      </c>
      <c r="L15" s="27">
        <v>6997.8380864765413</v>
      </c>
      <c r="M15" s="20"/>
    </row>
    <row r="16" spans="1:27" s="1" customFormat="1" ht="24" customHeight="1">
      <c r="A16" s="21"/>
      <c r="B16" s="90" t="s">
        <v>48</v>
      </c>
      <c r="C16" s="22"/>
      <c r="D16" s="23">
        <v>108002</v>
      </c>
      <c r="E16" s="24">
        <v>198852</v>
      </c>
      <c r="F16" s="25">
        <v>99164</v>
      </c>
      <c r="G16" s="25">
        <v>99688</v>
      </c>
      <c r="H16" s="25">
        <v>-83</v>
      </c>
      <c r="I16" s="25">
        <v>-128</v>
      </c>
      <c r="J16" s="25">
        <v>45</v>
      </c>
      <c r="K16" s="26">
        <v>1.8411881261458121</v>
      </c>
      <c r="L16" s="27">
        <v>15719.525691699604</v>
      </c>
      <c r="M16" s="20"/>
    </row>
    <row r="17" spans="1:13" s="1" customFormat="1" ht="24" customHeight="1">
      <c r="A17" s="21"/>
      <c r="B17" s="90" t="s">
        <v>49</v>
      </c>
      <c r="C17" s="22"/>
      <c r="D17" s="23">
        <v>97410</v>
      </c>
      <c r="E17" s="24">
        <v>213410</v>
      </c>
      <c r="F17" s="25">
        <v>103615</v>
      </c>
      <c r="G17" s="25">
        <v>109795</v>
      </c>
      <c r="H17" s="25">
        <v>-115</v>
      </c>
      <c r="I17" s="25">
        <v>-100</v>
      </c>
      <c r="J17" s="25">
        <v>-15</v>
      </c>
      <c r="K17" s="26">
        <v>2.1908428292783082</v>
      </c>
      <c r="L17" s="27">
        <v>10724.120603015077</v>
      </c>
      <c r="M17" s="20"/>
    </row>
    <row r="18" spans="1:13" s="1" customFormat="1" ht="24" customHeight="1">
      <c r="A18" s="21"/>
      <c r="B18" s="93" t="s">
        <v>50</v>
      </c>
      <c r="C18" s="42"/>
      <c r="D18" s="23">
        <v>101108</v>
      </c>
      <c r="E18" s="24">
        <v>205757</v>
      </c>
      <c r="F18" s="25">
        <v>100769</v>
      </c>
      <c r="G18" s="25">
        <v>104988</v>
      </c>
      <c r="H18" s="25">
        <v>-58</v>
      </c>
      <c r="I18" s="25">
        <v>-99</v>
      </c>
      <c r="J18" s="25">
        <v>41</v>
      </c>
      <c r="K18" s="26">
        <v>2.0350219567195476</v>
      </c>
      <c r="L18" s="27">
        <v>9382.4441404468762</v>
      </c>
      <c r="M18" s="20"/>
    </row>
    <row r="19" spans="1:13" s="1" customFormat="1" ht="24" customHeight="1">
      <c r="A19" s="21"/>
      <c r="B19" s="90" t="s">
        <v>51</v>
      </c>
      <c r="C19" s="22"/>
      <c r="D19" s="23">
        <v>108425</v>
      </c>
      <c r="E19" s="24">
        <v>241425</v>
      </c>
      <c r="F19" s="25">
        <v>116092</v>
      </c>
      <c r="G19" s="25">
        <v>125333</v>
      </c>
      <c r="H19" s="25">
        <v>-64</v>
      </c>
      <c r="I19" s="25">
        <v>-162</v>
      </c>
      <c r="J19" s="25">
        <v>98</v>
      </c>
      <c r="K19" s="26">
        <v>2.2266543693797556</v>
      </c>
      <c r="L19" s="27">
        <v>7376.2603116406972</v>
      </c>
      <c r="M19" s="20"/>
    </row>
    <row r="20" spans="1:13" s="1" customFormat="1" ht="24" customHeight="1">
      <c r="A20" s="21"/>
      <c r="B20" s="90" t="s">
        <v>52</v>
      </c>
      <c r="C20" s="22"/>
      <c r="D20" s="23">
        <v>79916</v>
      </c>
      <c r="E20" s="24">
        <v>165004</v>
      </c>
      <c r="F20" s="25">
        <v>81095</v>
      </c>
      <c r="G20" s="25">
        <v>83909</v>
      </c>
      <c r="H20" s="25">
        <v>-105</v>
      </c>
      <c r="I20" s="25">
        <v>-102</v>
      </c>
      <c r="J20" s="25">
        <v>-3</v>
      </c>
      <c r="K20" s="26">
        <v>2.0647179538515443</v>
      </c>
      <c r="L20" s="27">
        <v>8661.627296587927</v>
      </c>
      <c r="M20" s="20"/>
    </row>
    <row r="21" spans="1:13" s="1" customFormat="1" ht="24" customHeight="1">
      <c r="A21" s="21"/>
      <c r="B21" s="90" t="s">
        <v>53</v>
      </c>
      <c r="C21" s="22"/>
      <c r="D21" s="23">
        <v>90569</v>
      </c>
      <c r="E21" s="24">
        <v>194475</v>
      </c>
      <c r="F21" s="25">
        <v>94281</v>
      </c>
      <c r="G21" s="25">
        <v>100194</v>
      </c>
      <c r="H21" s="25">
        <v>-194</v>
      </c>
      <c r="I21" s="25">
        <v>-103</v>
      </c>
      <c r="J21" s="25">
        <v>-91</v>
      </c>
      <c r="K21" s="26">
        <v>2.1472578917731231</v>
      </c>
      <c r="L21" s="27">
        <v>6281.4922480620153</v>
      </c>
      <c r="M21" s="20"/>
    </row>
    <row r="22" spans="1:13" s="1" customFormat="1" ht="24" customHeight="1">
      <c r="A22" s="21"/>
      <c r="B22" s="90" t="s">
        <v>54</v>
      </c>
      <c r="C22" s="22"/>
      <c r="D22" s="23">
        <v>181160</v>
      </c>
      <c r="E22" s="24">
        <v>363062</v>
      </c>
      <c r="F22" s="25">
        <v>180873</v>
      </c>
      <c r="G22" s="25">
        <v>182189</v>
      </c>
      <c r="H22" s="25">
        <v>49</v>
      </c>
      <c r="I22" s="25">
        <v>-5</v>
      </c>
      <c r="J22" s="25">
        <v>54</v>
      </c>
      <c r="K22" s="26">
        <v>2.0040958268933537</v>
      </c>
      <c r="L22" s="27">
        <v>11562.484076433122</v>
      </c>
      <c r="M22" s="20"/>
    </row>
    <row r="23" spans="1:13" s="1" customFormat="1" ht="24" customHeight="1">
      <c r="A23" s="21"/>
      <c r="B23" s="90" t="s">
        <v>55</v>
      </c>
      <c r="C23" s="22"/>
      <c r="D23" s="23">
        <v>81668</v>
      </c>
      <c r="E23" s="24">
        <v>182807</v>
      </c>
      <c r="F23" s="25">
        <v>89736</v>
      </c>
      <c r="G23" s="25">
        <v>93071</v>
      </c>
      <c r="H23" s="25">
        <v>-53</v>
      </c>
      <c r="I23" s="25">
        <v>-59</v>
      </c>
      <c r="J23" s="25">
        <v>6</v>
      </c>
      <c r="K23" s="26">
        <v>2.2384165156487241</v>
      </c>
      <c r="L23" s="27">
        <v>7166.0917287338298</v>
      </c>
      <c r="M23" s="20"/>
    </row>
    <row r="24" spans="1:13" s="1" customFormat="1" ht="24" customHeight="1">
      <c r="A24" s="21"/>
      <c r="B24" s="90" t="s">
        <v>56</v>
      </c>
      <c r="C24" s="22"/>
      <c r="D24" s="23">
        <v>135908</v>
      </c>
      <c r="E24" s="24">
        <v>309079</v>
      </c>
      <c r="F24" s="25">
        <v>148873</v>
      </c>
      <c r="G24" s="25">
        <v>160206</v>
      </c>
      <c r="H24" s="25">
        <v>-167</v>
      </c>
      <c r="I24" s="25">
        <v>-79</v>
      </c>
      <c r="J24" s="25">
        <v>-88</v>
      </c>
      <c r="K24" s="26">
        <v>2.2741781204932749</v>
      </c>
      <c r="L24" s="27">
        <v>8775.6672345258376</v>
      </c>
      <c r="M24" s="20"/>
    </row>
    <row r="25" spans="1:13" s="1" customFormat="1" ht="24" customHeight="1">
      <c r="A25" s="21"/>
      <c r="B25" s="90" t="s">
        <v>57</v>
      </c>
      <c r="C25" s="22"/>
      <c r="D25" s="23">
        <v>88415</v>
      </c>
      <c r="E25" s="24">
        <v>215307</v>
      </c>
      <c r="F25" s="25">
        <v>105192</v>
      </c>
      <c r="G25" s="25">
        <v>110115</v>
      </c>
      <c r="H25" s="25">
        <v>-16</v>
      </c>
      <c r="I25" s="25">
        <v>-9</v>
      </c>
      <c r="J25" s="25">
        <v>-7</v>
      </c>
      <c r="K25" s="26">
        <v>2.4351863371599842</v>
      </c>
      <c r="L25" s="27">
        <v>7725.4036598493003</v>
      </c>
      <c r="M25" s="20"/>
    </row>
    <row r="26" spans="1:13" s="1" customFormat="1" ht="24" customHeight="1">
      <c r="A26" s="21"/>
      <c r="B26" s="90" t="s">
        <v>58</v>
      </c>
      <c r="C26" s="22"/>
      <c r="D26" s="23">
        <v>125390</v>
      </c>
      <c r="E26" s="24">
        <v>283068</v>
      </c>
      <c r="F26" s="25">
        <v>137810</v>
      </c>
      <c r="G26" s="25">
        <v>145258</v>
      </c>
      <c r="H26" s="25">
        <v>63</v>
      </c>
      <c r="I26" s="25">
        <v>-87</v>
      </c>
      <c r="J26" s="25">
        <v>150</v>
      </c>
      <c r="K26" s="26">
        <v>2.2575005981338223</v>
      </c>
      <c r="L26" s="27">
        <v>7909.1366303436716</v>
      </c>
      <c r="M26" s="20"/>
    </row>
    <row r="27" spans="1:13" s="1" customFormat="1" ht="24" customHeight="1">
      <c r="A27" s="21"/>
      <c r="B27" s="90" t="s">
        <v>59</v>
      </c>
      <c r="C27" s="22"/>
      <c r="D27" s="23">
        <v>54479</v>
      </c>
      <c r="E27" s="24">
        <v>120900</v>
      </c>
      <c r="F27" s="25">
        <v>58610</v>
      </c>
      <c r="G27" s="25">
        <v>62290</v>
      </c>
      <c r="H27" s="25">
        <v>46</v>
      </c>
      <c r="I27" s="25">
        <v>-72</v>
      </c>
      <c r="J27" s="25">
        <v>118</v>
      </c>
      <c r="K27" s="26">
        <v>2.2192037298775675</v>
      </c>
      <c r="L27" s="27">
        <v>6528.0777537796976</v>
      </c>
      <c r="M27" s="20"/>
    </row>
    <row r="28" spans="1:13" s="1" customFormat="1" ht="24" customHeight="1">
      <c r="A28" s="21"/>
      <c r="B28" s="90" t="s">
        <v>60</v>
      </c>
      <c r="C28" s="22"/>
      <c r="D28" s="23">
        <v>64229</v>
      </c>
      <c r="E28" s="24">
        <v>150674</v>
      </c>
      <c r="F28" s="25">
        <v>72761</v>
      </c>
      <c r="G28" s="25">
        <v>77913</v>
      </c>
      <c r="H28" s="25">
        <v>2</v>
      </c>
      <c r="I28" s="25">
        <v>-68</v>
      </c>
      <c r="J28" s="25">
        <v>70</v>
      </c>
      <c r="K28" s="26">
        <v>2.3458873717479642</v>
      </c>
      <c r="L28" s="27">
        <v>6389.9067005937241</v>
      </c>
      <c r="M28" s="20"/>
    </row>
    <row r="29" spans="1:13" s="1" customFormat="1" ht="24" customHeight="1">
      <c r="A29" s="21"/>
      <c r="B29" s="90" t="s">
        <v>61</v>
      </c>
      <c r="C29" s="22"/>
      <c r="D29" s="23">
        <v>54161</v>
      </c>
      <c r="E29" s="24">
        <v>121571</v>
      </c>
      <c r="F29" s="25">
        <v>58613</v>
      </c>
      <c r="G29" s="25">
        <v>62958</v>
      </c>
      <c r="H29" s="25">
        <v>46</v>
      </c>
      <c r="I29" s="25">
        <v>-72</v>
      </c>
      <c r="J29" s="25">
        <v>118</v>
      </c>
      <c r="K29" s="26">
        <v>2.2446225143553478</v>
      </c>
      <c r="L29" s="27">
        <v>7080.4309842748971</v>
      </c>
      <c r="M29" s="20"/>
    </row>
    <row r="30" spans="1:13" s="1" customFormat="1" ht="24" customHeight="1">
      <c r="A30" s="34"/>
      <c r="B30" s="92" t="s">
        <v>62</v>
      </c>
      <c r="C30" s="35"/>
      <c r="D30" s="36">
        <v>773052</v>
      </c>
      <c r="E30" s="37">
        <v>1545711</v>
      </c>
      <c r="F30" s="38">
        <v>777763</v>
      </c>
      <c r="G30" s="38">
        <v>767948</v>
      </c>
      <c r="H30" s="38">
        <v>-231</v>
      </c>
      <c r="I30" s="38">
        <v>-224</v>
      </c>
      <c r="J30" s="38">
        <v>-7</v>
      </c>
      <c r="K30" s="39">
        <v>1.9994916254016548</v>
      </c>
      <c r="L30" s="40">
        <v>10812.192221600448</v>
      </c>
      <c r="M30" s="20"/>
    </row>
    <row r="31" spans="1:13" s="1" customFormat="1" ht="24" customHeight="1">
      <c r="A31" s="21"/>
      <c r="B31" s="90" t="s">
        <v>63</v>
      </c>
      <c r="C31" s="22"/>
      <c r="D31" s="23">
        <v>126203</v>
      </c>
      <c r="E31" s="24">
        <v>230829</v>
      </c>
      <c r="F31" s="25">
        <v>124228</v>
      </c>
      <c r="G31" s="25">
        <v>106601</v>
      </c>
      <c r="H31" s="25">
        <v>-196</v>
      </c>
      <c r="I31" s="25">
        <v>-107</v>
      </c>
      <c r="J31" s="25">
        <v>-89</v>
      </c>
      <c r="K31" s="26">
        <v>1.8290294208537039</v>
      </c>
      <c r="L31" s="27">
        <v>5845.2519625221576</v>
      </c>
      <c r="M31" s="20"/>
    </row>
    <row r="32" spans="1:13" s="1" customFormat="1" ht="24" customHeight="1">
      <c r="A32" s="21"/>
      <c r="B32" s="90" t="s">
        <v>64</v>
      </c>
      <c r="C32" s="22"/>
      <c r="D32" s="23">
        <v>82599</v>
      </c>
      <c r="E32" s="24">
        <v>172558</v>
      </c>
      <c r="F32" s="25">
        <v>87255</v>
      </c>
      <c r="G32" s="25">
        <v>85303</v>
      </c>
      <c r="H32" s="25">
        <v>389</v>
      </c>
      <c r="I32" s="25">
        <v>-11</v>
      </c>
      <c r="J32" s="25">
        <v>400</v>
      </c>
      <c r="K32" s="26">
        <v>2.0891051949781474</v>
      </c>
      <c r="L32" s="27">
        <v>17238.561438561439</v>
      </c>
      <c r="M32" s="20"/>
    </row>
    <row r="33" spans="1:22" s="1" customFormat="1" ht="24" customHeight="1">
      <c r="A33" s="21"/>
      <c r="B33" s="90" t="s">
        <v>65</v>
      </c>
      <c r="C33" s="22"/>
      <c r="D33" s="23">
        <v>139480</v>
      </c>
      <c r="E33" s="24">
        <v>266476</v>
      </c>
      <c r="F33" s="25">
        <v>134587</v>
      </c>
      <c r="G33" s="25">
        <v>131889</v>
      </c>
      <c r="H33" s="25">
        <v>-294</v>
      </c>
      <c r="I33" s="25">
        <v>34</v>
      </c>
      <c r="J33" s="25">
        <v>-328</v>
      </c>
      <c r="K33" s="26">
        <v>1.9104961284772011</v>
      </c>
      <c r="L33" s="27">
        <v>18078.426051560378</v>
      </c>
      <c r="M33" s="20"/>
    </row>
    <row r="34" spans="1:22" s="1" customFormat="1" ht="24" customHeight="1">
      <c r="A34" s="21"/>
      <c r="B34" s="90" t="s">
        <v>66</v>
      </c>
      <c r="C34" s="22"/>
      <c r="D34" s="23">
        <v>117625</v>
      </c>
      <c r="E34" s="24">
        <v>235001</v>
      </c>
      <c r="F34" s="25">
        <v>116321</v>
      </c>
      <c r="G34" s="25">
        <v>118680</v>
      </c>
      <c r="H34" s="25">
        <v>130</v>
      </c>
      <c r="I34" s="25">
        <v>-25</v>
      </c>
      <c r="J34" s="25">
        <v>155</v>
      </c>
      <c r="K34" s="26">
        <v>1.9978831030818278</v>
      </c>
      <c r="L34" s="27">
        <v>14364.364303178485</v>
      </c>
      <c r="M34" s="20"/>
    </row>
    <row r="35" spans="1:22" s="1" customFormat="1" ht="24" customHeight="1">
      <c r="A35" s="21"/>
      <c r="B35" s="90" t="s">
        <v>67</v>
      </c>
      <c r="C35" s="22"/>
      <c r="D35" s="23">
        <v>106195</v>
      </c>
      <c r="E35" s="24">
        <v>235073</v>
      </c>
      <c r="F35" s="25">
        <v>113655</v>
      </c>
      <c r="G35" s="25">
        <v>121418</v>
      </c>
      <c r="H35" s="25">
        <v>-72</v>
      </c>
      <c r="I35" s="25">
        <v>-31</v>
      </c>
      <c r="J35" s="25">
        <v>-41</v>
      </c>
      <c r="K35" s="26">
        <v>2.2135976270069211</v>
      </c>
      <c r="L35" s="27">
        <v>12631.542181622784</v>
      </c>
      <c r="M35" s="20"/>
    </row>
    <row r="36" spans="1:22" s="1" customFormat="1" ht="24" customHeight="1">
      <c r="A36" s="21"/>
      <c r="B36" s="90" t="s">
        <v>68</v>
      </c>
      <c r="C36" s="22"/>
      <c r="D36" s="23">
        <v>119055</v>
      </c>
      <c r="E36" s="24">
        <v>225282</v>
      </c>
      <c r="F36" s="25">
        <v>114674</v>
      </c>
      <c r="G36" s="25">
        <v>110608</v>
      </c>
      <c r="H36" s="25">
        <v>-81</v>
      </c>
      <c r="I36" s="25">
        <v>-34</v>
      </c>
      <c r="J36" s="25">
        <v>-47</v>
      </c>
      <c r="K36" s="26">
        <v>1.8922514804082147</v>
      </c>
      <c r="L36" s="27">
        <v>10989.365853658537</v>
      </c>
      <c r="M36" s="20"/>
    </row>
    <row r="37" spans="1:22" s="1" customFormat="1" ht="24" customHeight="1">
      <c r="A37" s="21"/>
      <c r="B37" s="90" t="s">
        <v>69</v>
      </c>
      <c r="C37" s="22"/>
      <c r="D37" s="23">
        <v>81895</v>
      </c>
      <c r="E37" s="24">
        <v>180492</v>
      </c>
      <c r="F37" s="25">
        <v>87043</v>
      </c>
      <c r="G37" s="25">
        <v>93449</v>
      </c>
      <c r="H37" s="25">
        <v>-107</v>
      </c>
      <c r="I37" s="25">
        <v>-50</v>
      </c>
      <c r="J37" s="25">
        <v>-57</v>
      </c>
      <c r="K37" s="26">
        <v>2.2039440747298369</v>
      </c>
      <c r="L37" s="27">
        <v>7763.0967741935483</v>
      </c>
      <c r="M37" s="20"/>
      <c r="S37" s="43"/>
      <c r="T37" s="43"/>
      <c r="U37" s="43"/>
      <c r="V37" s="43"/>
    </row>
    <row r="38" spans="1:22" s="1" customFormat="1" ht="24" customHeight="1">
      <c r="A38" s="34"/>
      <c r="B38" s="92" t="s">
        <v>30</v>
      </c>
      <c r="C38" s="44"/>
      <c r="D38" s="36">
        <v>345319</v>
      </c>
      <c r="E38" s="37">
        <v>724774</v>
      </c>
      <c r="F38" s="38">
        <v>360901</v>
      </c>
      <c r="G38" s="38">
        <v>363873</v>
      </c>
      <c r="H38" s="38">
        <v>-213</v>
      </c>
      <c r="I38" s="38">
        <v>-346</v>
      </c>
      <c r="J38" s="38">
        <v>133</v>
      </c>
      <c r="K38" s="39">
        <v>2.0988535238431711</v>
      </c>
      <c r="L38" s="40">
        <v>2203.563284789152</v>
      </c>
      <c r="M38" s="20"/>
    </row>
    <row r="39" spans="1:22" s="1" customFormat="1" ht="24" customHeight="1">
      <c r="A39" s="21"/>
      <c r="B39" s="90" t="s">
        <v>70</v>
      </c>
      <c r="C39" s="45"/>
      <c r="D39" s="23">
        <v>76886</v>
      </c>
      <c r="E39" s="24">
        <v>167392</v>
      </c>
      <c r="F39" s="25">
        <v>84030</v>
      </c>
      <c r="G39" s="25">
        <v>83362</v>
      </c>
      <c r="H39" s="25">
        <v>-59</v>
      </c>
      <c r="I39" s="25">
        <v>-95</v>
      </c>
      <c r="J39" s="25">
        <v>36</v>
      </c>
      <c r="K39" s="26">
        <v>2.177145384075124</v>
      </c>
      <c r="L39" s="27">
        <v>659.20529279722757</v>
      </c>
      <c r="M39" s="20"/>
    </row>
    <row r="40" spans="1:22" s="1" customFormat="1" ht="24" customHeight="1">
      <c r="A40" s="21"/>
      <c r="B40" s="90" t="s">
        <v>71</v>
      </c>
      <c r="C40" s="22"/>
      <c r="D40" s="23">
        <v>130128</v>
      </c>
      <c r="E40" s="24">
        <v>274356</v>
      </c>
      <c r="F40" s="25">
        <v>137019</v>
      </c>
      <c r="G40" s="25">
        <v>137337</v>
      </c>
      <c r="H40" s="25">
        <v>-124</v>
      </c>
      <c r="I40" s="25">
        <v>-112</v>
      </c>
      <c r="J40" s="25">
        <v>-12</v>
      </c>
      <c r="K40" s="26">
        <v>2.1083548506086314</v>
      </c>
      <c r="L40" s="27">
        <v>7441.171684296176</v>
      </c>
      <c r="M40" s="20"/>
    </row>
    <row r="41" spans="1:22" s="1" customFormat="1" ht="24" customHeight="1">
      <c r="A41" s="21"/>
      <c r="B41" s="90" t="s">
        <v>72</v>
      </c>
      <c r="C41" s="22"/>
      <c r="D41" s="23">
        <v>138305</v>
      </c>
      <c r="E41" s="24">
        <v>283026</v>
      </c>
      <c r="F41" s="25">
        <v>139852</v>
      </c>
      <c r="G41" s="25">
        <v>143174</v>
      </c>
      <c r="H41" s="25">
        <v>-30</v>
      </c>
      <c r="I41" s="25">
        <v>-139</v>
      </c>
      <c r="J41" s="25">
        <v>109</v>
      </c>
      <c r="K41" s="26">
        <v>2.0463902245038139</v>
      </c>
      <c r="L41" s="27">
        <v>7426.5547100498561</v>
      </c>
      <c r="M41" s="20"/>
    </row>
    <row r="42" spans="1:22" s="1" customFormat="1" ht="12" customHeight="1" thickBot="1">
      <c r="A42" s="7"/>
      <c r="B42" s="94"/>
      <c r="C42" s="77"/>
      <c r="D42" s="78"/>
      <c r="E42" s="79"/>
      <c r="F42" s="80"/>
      <c r="G42" s="80"/>
      <c r="H42" s="80"/>
      <c r="I42" s="80"/>
      <c r="J42" s="80"/>
      <c r="K42" s="81"/>
      <c r="L42" s="82"/>
      <c r="M42" s="20"/>
    </row>
    <row r="43" spans="1:22" s="1" customFormat="1" ht="24" customHeight="1">
      <c r="A43" s="47"/>
      <c r="B43" s="90" t="s">
        <v>73</v>
      </c>
      <c r="C43" s="48"/>
      <c r="D43" s="23">
        <v>165952</v>
      </c>
      <c r="E43" s="24">
        <v>374325</v>
      </c>
      <c r="F43" s="25">
        <v>186221</v>
      </c>
      <c r="G43" s="25">
        <v>188104</v>
      </c>
      <c r="H43" s="25">
        <v>-475</v>
      </c>
      <c r="I43" s="25">
        <v>-325</v>
      </c>
      <c r="J43" s="25">
        <v>-150</v>
      </c>
      <c r="K43" s="26">
        <v>2.2556221075973775</v>
      </c>
      <c r="L43" s="27">
        <v>3713.1732962999699</v>
      </c>
      <c r="N43" s="62"/>
    </row>
    <row r="44" spans="1:22" s="1" customFormat="1" ht="24" customHeight="1">
      <c r="A44" s="47"/>
      <c r="B44" s="90" t="s">
        <v>74</v>
      </c>
      <c r="C44" s="48"/>
      <c r="D44" s="23">
        <v>116967</v>
      </c>
      <c r="E44" s="24">
        <v>258500</v>
      </c>
      <c r="F44" s="25">
        <v>128938</v>
      </c>
      <c r="G44" s="25">
        <v>129562</v>
      </c>
      <c r="H44" s="25">
        <v>11</v>
      </c>
      <c r="I44" s="25">
        <v>-156</v>
      </c>
      <c r="J44" s="25">
        <v>167</v>
      </c>
      <c r="K44" s="26">
        <v>2.2100250498003708</v>
      </c>
      <c r="L44" s="27">
        <v>3811.5600117959307</v>
      </c>
      <c r="N44" s="62"/>
    </row>
    <row r="45" spans="1:22" s="1" customFormat="1" ht="24" customHeight="1">
      <c r="A45" s="47"/>
      <c r="B45" s="90" t="s">
        <v>10</v>
      </c>
      <c r="C45" s="48"/>
      <c r="D45" s="23">
        <v>77069</v>
      </c>
      <c r="E45" s="24">
        <v>171272</v>
      </c>
      <c r="F45" s="25">
        <v>80371</v>
      </c>
      <c r="G45" s="25">
        <v>90901</v>
      </c>
      <c r="H45" s="25">
        <v>-153</v>
      </c>
      <c r="I45" s="25">
        <v>-115</v>
      </c>
      <c r="J45" s="25">
        <v>-38</v>
      </c>
      <c r="K45" s="26">
        <v>2.2223202584696828</v>
      </c>
      <c r="L45" s="27">
        <v>4318.5073121533032</v>
      </c>
      <c r="N45" s="62"/>
    </row>
    <row r="46" spans="1:22" s="1" customFormat="1" ht="24" customHeight="1">
      <c r="A46" s="47"/>
      <c r="B46" s="90" t="s">
        <v>7</v>
      </c>
      <c r="C46" s="48"/>
      <c r="D46" s="23">
        <v>202197</v>
      </c>
      <c r="E46" s="24">
        <v>443827</v>
      </c>
      <c r="F46" s="25">
        <v>218911</v>
      </c>
      <c r="G46" s="25">
        <v>224916</v>
      </c>
      <c r="H46" s="25">
        <v>32</v>
      </c>
      <c r="I46" s="25">
        <v>-113</v>
      </c>
      <c r="J46" s="25">
        <v>145</v>
      </c>
      <c r="K46" s="26">
        <v>2.1950226759051814</v>
      </c>
      <c r="L46" s="27">
        <v>6380.4916618746402</v>
      </c>
      <c r="N46" s="62"/>
    </row>
    <row r="47" spans="1:22" s="1" customFormat="1" ht="24" customHeight="1">
      <c r="A47" s="49"/>
      <c r="B47" s="90" t="s">
        <v>9</v>
      </c>
      <c r="C47" s="48"/>
      <c r="D47" s="23">
        <v>84725</v>
      </c>
      <c r="E47" s="24">
        <v>186326</v>
      </c>
      <c r="F47" s="25">
        <v>90015</v>
      </c>
      <c r="G47" s="25">
        <v>96311</v>
      </c>
      <c r="H47" s="25">
        <v>34</v>
      </c>
      <c r="I47" s="25">
        <v>-137</v>
      </c>
      <c r="J47" s="25">
        <v>171</v>
      </c>
      <c r="K47" s="26">
        <v>2.1991856004721155</v>
      </c>
      <c r="L47" s="27">
        <v>1640.193661971831</v>
      </c>
      <c r="N47" s="62"/>
    </row>
    <row r="48" spans="1:22" s="1" customFormat="1" ht="24" customHeight="1">
      <c r="A48" s="49"/>
      <c r="B48" s="90" t="s">
        <v>8</v>
      </c>
      <c r="C48" s="50"/>
      <c r="D48" s="23">
        <v>107474</v>
      </c>
      <c r="E48" s="24">
        <v>245728</v>
      </c>
      <c r="F48" s="25">
        <v>118982</v>
      </c>
      <c r="G48" s="25">
        <v>126746</v>
      </c>
      <c r="H48" s="25">
        <v>124</v>
      </c>
      <c r="I48" s="25">
        <v>-105</v>
      </c>
      <c r="J48" s="25">
        <v>229</v>
      </c>
      <c r="K48" s="26">
        <v>2.2863948489867316</v>
      </c>
      <c r="L48" s="27">
        <v>6883.1372549019607</v>
      </c>
      <c r="N48" s="62"/>
    </row>
    <row r="49" spans="1:14" s="1" customFormat="1" ht="24" customHeight="1">
      <c r="A49" s="49"/>
      <c r="B49" s="90" t="s">
        <v>16</v>
      </c>
      <c r="C49" s="50"/>
      <c r="D49" s="23">
        <v>25104</v>
      </c>
      <c r="E49" s="24">
        <v>55988</v>
      </c>
      <c r="F49" s="25">
        <v>26127</v>
      </c>
      <c r="G49" s="25">
        <v>29861</v>
      </c>
      <c r="H49" s="25">
        <v>-11</v>
      </c>
      <c r="I49" s="25">
        <v>-37</v>
      </c>
      <c r="J49" s="25">
        <v>26</v>
      </c>
      <c r="K49" s="26">
        <v>2.2302421924792863</v>
      </c>
      <c r="L49" s="27">
        <v>3240.0462962962961</v>
      </c>
      <c r="N49" s="62"/>
    </row>
    <row r="50" spans="1:14" s="1" customFormat="1" ht="24" customHeight="1">
      <c r="A50" s="49"/>
      <c r="B50" s="90" t="s">
        <v>17</v>
      </c>
      <c r="C50" s="50"/>
      <c r="D50" s="23">
        <v>17136</v>
      </c>
      <c r="E50" s="24">
        <v>40123</v>
      </c>
      <c r="F50" s="25">
        <v>19170</v>
      </c>
      <c r="G50" s="25">
        <v>20953</v>
      </c>
      <c r="H50" s="25">
        <v>-95</v>
      </c>
      <c r="I50" s="25">
        <v>-79</v>
      </c>
      <c r="J50" s="25">
        <v>-16</v>
      </c>
      <c r="K50" s="26">
        <v>2.3414449112978524</v>
      </c>
      <c r="L50" s="27">
        <v>1251.8876755070205</v>
      </c>
      <c r="N50" s="62"/>
    </row>
    <row r="51" spans="1:14" s="1" customFormat="1" ht="24" customHeight="1">
      <c r="A51" s="49"/>
      <c r="B51" s="90" t="s">
        <v>11</v>
      </c>
      <c r="C51" s="50"/>
      <c r="D51" s="23">
        <v>73003</v>
      </c>
      <c r="E51" s="24">
        <v>161221</v>
      </c>
      <c r="F51" s="25">
        <v>81406</v>
      </c>
      <c r="G51" s="25">
        <v>79815</v>
      </c>
      <c r="H51" s="25">
        <v>-5</v>
      </c>
      <c r="I51" s="25">
        <v>-106</v>
      </c>
      <c r="J51" s="25">
        <v>101</v>
      </c>
      <c r="K51" s="26">
        <v>2.2084160924893497</v>
      </c>
      <c r="L51" s="27">
        <v>1553.7875867386276</v>
      </c>
      <c r="N51" s="62"/>
    </row>
    <row r="52" spans="1:14" s="1" customFormat="1" ht="24" customHeight="1">
      <c r="A52" s="49"/>
      <c r="B52" s="90" t="s">
        <v>75</v>
      </c>
      <c r="C52" s="50"/>
      <c r="D52" s="23">
        <v>105135</v>
      </c>
      <c r="E52" s="24">
        <v>224060</v>
      </c>
      <c r="F52" s="25">
        <v>115407</v>
      </c>
      <c r="G52" s="25">
        <v>108653</v>
      </c>
      <c r="H52" s="25">
        <v>-42</v>
      </c>
      <c r="I52" s="25">
        <v>-85</v>
      </c>
      <c r="J52" s="25">
        <v>43</v>
      </c>
      <c r="K52" s="26">
        <v>2.1311646930137442</v>
      </c>
      <c r="L52" s="27">
        <v>2387.68115942029</v>
      </c>
      <c r="N52" s="62"/>
    </row>
    <row r="53" spans="1:14" s="1" customFormat="1" ht="24" customHeight="1">
      <c r="A53" s="49"/>
      <c r="B53" s="90" t="s">
        <v>76</v>
      </c>
      <c r="C53" s="50"/>
      <c r="D53" s="23">
        <v>115699</v>
      </c>
      <c r="E53" s="24">
        <v>243624</v>
      </c>
      <c r="F53" s="25">
        <v>121339</v>
      </c>
      <c r="G53" s="25">
        <v>122285</v>
      </c>
      <c r="H53" s="25">
        <v>212</v>
      </c>
      <c r="I53" s="25">
        <v>-71</v>
      </c>
      <c r="J53" s="25">
        <v>283</v>
      </c>
      <c r="K53" s="26">
        <v>2.1056707490989552</v>
      </c>
      <c r="L53" s="27">
        <v>8993.1339977851603</v>
      </c>
      <c r="N53" s="62"/>
    </row>
    <row r="54" spans="1:14" s="1" customFormat="1" ht="24" customHeight="1">
      <c r="A54" s="49"/>
      <c r="B54" s="90" t="s">
        <v>14</v>
      </c>
      <c r="C54" s="50"/>
      <c r="D54" s="23">
        <v>47157</v>
      </c>
      <c r="E54" s="24">
        <v>101474</v>
      </c>
      <c r="F54" s="25">
        <v>51353</v>
      </c>
      <c r="G54" s="25">
        <v>50121</v>
      </c>
      <c r="H54" s="25">
        <v>-21</v>
      </c>
      <c r="I54" s="25">
        <v>-42</v>
      </c>
      <c r="J54" s="25">
        <v>21</v>
      </c>
      <c r="K54" s="26">
        <v>2.1518332379074159</v>
      </c>
      <c r="L54" s="27">
        <v>1826.3858891288696</v>
      </c>
      <c r="N54" s="62"/>
    </row>
    <row r="55" spans="1:14" s="1" customFormat="1" ht="24" customHeight="1">
      <c r="A55" s="49"/>
      <c r="B55" s="90" t="s">
        <v>12</v>
      </c>
      <c r="C55" s="50"/>
      <c r="D55" s="23">
        <v>62047</v>
      </c>
      <c r="E55" s="24">
        <v>140172</v>
      </c>
      <c r="F55" s="25">
        <v>70361</v>
      </c>
      <c r="G55" s="25">
        <v>69811</v>
      </c>
      <c r="H55" s="25">
        <v>-17</v>
      </c>
      <c r="I55" s="25">
        <v>-53</v>
      </c>
      <c r="J55" s="25">
        <v>36</v>
      </c>
      <c r="K55" s="26">
        <v>2.2591261463084438</v>
      </c>
      <c r="L55" s="27">
        <v>5271.6058668672431</v>
      </c>
      <c r="N55" s="62"/>
    </row>
    <row r="56" spans="1:14" s="1" customFormat="1" ht="24" customHeight="1">
      <c r="A56" s="49"/>
      <c r="B56" s="90" t="s">
        <v>13</v>
      </c>
      <c r="C56" s="50"/>
      <c r="D56" s="23">
        <v>62086</v>
      </c>
      <c r="E56" s="24">
        <v>131909</v>
      </c>
      <c r="F56" s="25">
        <v>65519</v>
      </c>
      <c r="G56" s="25">
        <v>66390</v>
      </c>
      <c r="H56" s="25">
        <v>-4</v>
      </c>
      <c r="I56" s="25">
        <v>-63</v>
      </c>
      <c r="J56" s="25">
        <v>59</v>
      </c>
      <c r="K56" s="26">
        <v>2.1246174660954162</v>
      </c>
      <c r="L56" s="27">
        <v>7507.6266363118948</v>
      </c>
      <c r="N56" s="62"/>
    </row>
    <row r="57" spans="1:14" s="1" customFormat="1" ht="24" customHeight="1">
      <c r="A57" s="49"/>
      <c r="B57" s="90" t="s">
        <v>18</v>
      </c>
      <c r="C57" s="50"/>
      <c r="D57" s="23">
        <v>16671</v>
      </c>
      <c r="E57" s="24">
        <v>39748</v>
      </c>
      <c r="F57" s="25">
        <v>19402</v>
      </c>
      <c r="G57" s="25">
        <v>20346</v>
      </c>
      <c r="H57" s="25">
        <v>-11</v>
      </c>
      <c r="I57" s="25">
        <v>-26</v>
      </c>
      <c r="J57" s="25">
        <v>15</v>
      </c>
      <c r="K57" s="26">
        <v>2.3842600923759822</v>
      </c>
      <c r="L57" s="27">
        <v>515.40456431535267</v>
      </c>
      <c r="N57" s="62"/>
    </row>
    <row r="58" spans="1:14" s="1" customFormat="1" ht="24" customHeight="1">
      <c r="A58" s="49"/>
      <c r="B58" s="90" t="s">
        <v>15</v>
      </c>
      <c r="C58" s="50"/>
      <c r="D58" s="23">
        <v>35627</v>
      </c>
      <c r="E58" s="24">
        <v>82959</v>
      </c>
      <c r="F58" s="25">
        <v>41838</v>
      </c>
      <c r="G58" s="25">
        <v>41121</v>
      </c>
      <c r="H58" s="25">
        <v>-58</v>
      </c>
      <c r="I58" s="25">
        <v>-46</v>
      </c>
      <c r="J58" s="25">
        <v>-12</v>
      </c>
      <c r="K58" s="26">
        <v>2.3285429589917759</v>
      </c>
      <c r="L58" s="27">
        <v>3747.0189701897016</v>
      </c>
      <c r="N58" s="62"/>
    </row>
    <row r="59" spans="1:14" s="1" customFormat="1" ht="24" customHeight="1">
      <c r="A59" s="49"/>
      <c r="B59" s="93" t="s">
        <v>77</v>
      </c>
      <c r="C59" s="50"/>
      <c r="D59" s="23">
        <v>13089</v>
      </c>
      <c r="E59" s="24">
        <v>31063</v>
      </c>
      <c r="F59" s="25">
        <v>14590</v>
      </c>
      <c r="G59" s="25">
        <v>16473</v>
      </c>
      <c r="H59" s="25">
        <v>-1</v>
      </c>
      <c r="I59" s="25">
        <v>-26</v>
      </c>
      <c r="J59" s="25">
        <v>25</v>
      </c>
      <c r="K59" s="26">
        <v>2.3732141492856598</v>
      </c>
      <c r="L59" s="27">
        <v>1822.9460093896714</v>
      </c>
      <c r="N59" s="62"/>
    </row>
    <row r="60" spans="1:14" s="1" customFormat="1" ht="24" customHeight="1">
      <c r="A60" s="49"/>
      <c r="B60" s="93" t="s">
        <v>78</v>
      </c>
      <c r="C60" s="50"/>
      <c r="D60" s="23">
        <v>20687</v>
      </c>
      <c r="E60" s="24">
        <v>48638</v>
      </c>
      <c r="F60" s="25">
        <v>24658</v>
      </c>
      <c r="G60" s="25">
        <v>23980</v>
      </c>
      <c r="H60" s="25">
        <v>1</v>
      </c>
      <c r="I60" s="25">
        <v>-16</v>
      </c>
      <c r="J60" s="25">
        <v>17</v>
      </c>
      <c r="K60" s="26">
        <v>2.3511383960941656</v>
      </c>
      <c r="L60" s="27">
        <v>3646.0269865067467</v>
      </c>
      <c r="N60" s="62"/>
    </row>
    <row r="61" spans="1:14" s="1" customFormat="1" ht="24" customHeight="1">
      <c r="A61" s="51"/>
      <c r="B61" s="92" t="s">
        <v>20</v>
      </c>
      <c r="C61" s="52"/>
      <c r="D61" s="36">
        <v>24724</v>
      </c>
      <c r="E61" s="37">
        <v>57978</v>
      </c>
      <c r="F61" s="38">
        <v>27986</v>
      </c>
      <c r="G61" s="38">
        <v>29992</v>
      </c>
      <c r="H61" s="38">
        <v>-37</v>
      </c>
      <c r="I61" s="38">
        <v>-56</v>
      </c>
      <c r="J61" s="38">
        <v>19</v>
      </c>
      <c r="K61" s="39">
        <v>2.3450088982365314</v>
      </c>
      <c r="L61" s="40">
        <v>2208.6857142857143</v>
      </c>
      <c r="N61" s="62"/>
    </row>
    <row r="62" spans="1:14" s="1" customFormat="1" ht="24" customHeight="1">
      <c r="A62" s="49"/>
      <c r="B62" s="90" t="s">
        <v>79</v>
      </c>
      <c r="C62" s="50"/>
      <c r="D62" s="23">
        <v>12951</v>
      </c>
      <c r="E62" s="24">
        <v>31051</v>
      </c>
      <c r="F62" s="25">
        <v>15106</v>
      </c>
      <c r="G62" s="25">
        <v>15945</v>
      </c>
      <c r="H62" s="25">
        <v>-14</v>
      </c>
      <c r="I62" s="25">
        <v>-37</v>
      </c>
      <c r="J62" s="25">
        <v>23</v>
      </c>
      <c r="K62" s="26">
        <v>2.3975754767971584</v>
      </c>
      <c r="L62" s="27">
        <v>1807.3923166472644</v>
      </c>
      <c r="N62" s="62"/>
    </row>
    <row r="63" spans="1:14" s="1" customFormat="1" ht="24" customHeight="1">
      <c r="A63" s="49"/>
      <c r="B63" s="90" t="s">
        <v>80</v>
      </c>
      <c r="C63" s="50"/>
      <c r="D63" s="23">
        <v>11773</v>
      </c>
      <c r="E63" s="24">
        <v>26927</v>
      </c>
      <c r="F63" s="25">
        <v>12880</v>
      </c>
      <c r="G63" s="25">
        <v>14047</v>
      </c>
      <c r="H63" s="25">
        <v>-23</v>
      </c>
      <c r="I63" s="25">
        <v>-19</v>
      </c>
      <c r="J63" s="25">
        <v>-4</v>
      </c>
      <c r="K63" s="26">
        <v>2.2871825363119003</v>
      </c>
      <c r="L63" s="27">
        <v>2965.5286343612333</v>
      </c>
      <c r="N63" s="62"/>
    </row>
    <row r="64" spans="1:14" s="1" customFormat="1" ht="24" customHeight="1">
      <c r="A64" s="51"/>
      <c r="B64" s="92" t="s">
        <v>21</v>
      </c>
      <c r="C64" s="52"/>
      <c r="D64" s="36">
        <v>26384</v>
      </c>
      <c r="E64" s="37">
        <v>64606</v>
      </c>
      <c r="F64" s="38">
        <v>31762</v>
      </c>
      <c r="G64" s="38">
        <v>32844</v>
      </c>
      <c r="H64" s="38">
        <v>-22</v>
      </c>
      <c r="I64" s="38">
        <v>-51</v>
      </c>
      <c r="J64" s="38">
        <v>29</v>
      </c>
      <c r="K64" s="39">
        <v>2.4486810187992725</v>
      </c>
      <c r="L64" s="40">
        <v>213.02426800316542</v>
      </c>
      <c r="N64" s="62"/>
    </row>
    <row r="65" spans="1:14" s="1" customFormat="1" ht="24" customHeight="1">
      <c r="A65" s="49"/>
      <c r="B65" s="90" t="s">
        <v>81</v>
      </c>
      <c r="C65" s="50"/>
      <c r="D65" s="23">
        <v>3435</v>
      </c>
      <c r="E65" s="24">
        <v>8933</v>
      </c>
      <c r="F65" s="25">
        <v>4447</v>
      </c>
      <c r="G65" s="25">
        <v>4486</v>
      </c>
      <c r="H65" s="25">
        <v>-14</v>
      </c>
      <c r="I65" s="25">
        <v>-10</v>
      </c>
      <c r="J65" s="25">
        <v>-4</v>
      </c>
      <c r="K65" s="26">
        <v>2.6005822416302764</v>
      </c>
      <c r="L65" s="27">
        <v>446.87343671835919</v>
      </c>
      <c r="N65" s="62"/>
    </row>
    <row r="66" spans="1:14" s="1" customFormat="1" ht="24" customHeight="1">
      <c r="A66" s="49"/>
      <c r="B66" s="90" t="s">
        <v>82</v>
      </c>
      <c r="C66" s="50"/>
      <c r="D66" s="23">
        <v>7105</v>
      </c>
      <c r="E66" s="24">
        <v>17317</v>
      </c>
      <c r="F66" s="25">
        <v>8483</v>
      </c>
      <c r="G66" s="25">
        <v>8834</v>
      </c>
      <c r="H66" s="25">
        <v>-22</v>
      </c>
      <c r="I66" s="25">
        <v>-10</v>
      </c>
      <c r="J66" s="25">
        <v>-12</v>
      </c>
      <c r="K66" s="26">
        <v>2.4372976776917663</v>
      </c>
      <c r="L66" s="27">
        <v>1204.2420027816411</v>
      </c>
      <c r="N66" s="62"/>
    </row>
    <row r="67" spans="1:14" s="1" customFormat="1" ht="24" customHeight="1">
      <c r="A67" s="49"/>
      <c r="B67" s="90" t="s">
        <v>83</v>
      </c>
      <c r="C67" s="50"/>
      <c r="D67" s="23">
        <v>4525</v>
      </c>
      <c r="E67" s="24">
        <v>10324</v>
      </c>
      <c r="F67" s="25">
        <v>5136</v>
      </c>
      <c r="G67" s="25">
        <v>5188</v>
      </c>
      <c r="H67" s="25">
        <v>4</v>
      </c>
      <c r="I67" s="25">
        <v>-11</v>
      </c>
      <c r="J67" s="25">
        <v>15</v>
      </c>
      <c r="K67" s="26">
        <v>2.2815469613259669</v>
      </c>
      <c r="L67" s="27">
        <v>273.48344370860929</v>
      </c>
      <c r="N67" s="62"/>
    </row>
    <row r="68" spans="1:14" s="1" customFormat="1" ht="24" customHeight="1">
      <c r="A68" s="49"/>
      <c r="B68" s="90" t="s">
        <v>84</v>
      </c>
      <c r="C68" s="50"/>
      <c r="D68" s="23">
        <v>3943</v>
      </c>
      <c r="E68" s="24">
        <v>9208</v>
      </c>
      <c r="F68" s="25">
        <v>4562</v>
      </c>
      <c r="G68" s="25">
        <v>4646</v>
      </c>
      <c r="H68" s="25">
        <v>-5</v>
      </c>
      <c r="I68" s="25">
        <v>-14</v>
      </c>
      <c r="J68" s="25">
        <v>9</v>
      </c>
      <c r="K68" s="26">
        <v>2.3352777073294444</v>
      </c>
      <c r="L68" s="27">
        <v>40.995503316860336</v>
      </c>
      <c r="N68" s="62"/>
    </row>
    <row r="69" spans="1:14" s="1" customFormat="1" ht="24" customHeight="1">
      <c r="A69" s="49"/>
      <c r="B69" s="90" t="s">
        <v>85</v>
      </c>
      <c r="C69" s="50"/>
      <c r="D69" s="23">
        <v>7376</v>
      </c>
      <c r="E69" s="24">
        <v>18824</v>
      </c>
      <c r="F69" s="25">
        <v>9134</v>
      </c>
      <c r="G69" s="25">
        <v>9690</v>
      </c>
      <c r="H69" s="25">
        <v>15</v>
      </c>
      <c r="I69" s="25">
        <v>-6</v>
      </c>
      <c r="J69" s="25">
        <v>21</v>
      </c>
      <c r="K69" s="26">
        <v>2.5520607375271149</v>
      </c>
      <c r="L69" s="27">
        <v>2873.8931297709923</v>
      </c>
      <c r="N69" s="62"/>
    </row>
    <row r="70" spans="1:14" s="1" customFormat="1" ht="24" customHeight="1">
      <c r="A70" s="51"/>
      <c r="B70" s="92" t="s">
        <v>86</v>
      </c>
      <c r="C70" s="52"/>
      <c r="D70" s="36">
        <v>20110</v>
      </c>
      <c r="E70" s="37">
        <v>39631</v>
      </c>
      <c r="F70" s="38">
        <v>18557</v>
      </c>
      <c r="G70" s="38">
        <v>21074</v>
      </c>
      <c r="H70" s="38">
        <v>-10</v>
      </c>
      <c r="I70" s="38">
        <v>-68</v>
      </c>
      <c r="J70" s="38">
        <v>58</v>
      </c>
      <c r="K70" s="39">
        <v>1.9707110890104427</v>
      </c>
      <c r="L70" s="40">
        <v>281.33030453609712</v>
      </c>
      <c r="N70" s="62"/>
    </row>
    <row r="71" spans="1:14" s="1" customFormat="1" ht="24" customHeight="1">
      <c r="A71" s="49"/>
      <c r="B71" s="90" t="s">
        <v>87</v>
      </c>
      <c r="C71" s="50"/>
      <c r="D71" s="23">
        <v>6452</v>
      </c>
      <c r="E71" s="24">
        <v>10957</v>
      </c>
      <c r="F71" s="25">
        <v>5249</v>
      </c>
      <c r="G71" s="25">
        <v>5708</v>
      </c>
      <c r="H71" s="25">
        <v>16</v>
      </c>
      <c r="I71" s="25">
        <v>-13</v>
      </c>
      <c r="J71" s="25">
        <v>29</v>
      </c>
      <c r="K71" s="26">
        <v>1.6982331060136391</v>
      </c>
      <c r="L71" s="27">
        <v>117.99483092827913</v>
      </c>
      <c r="N71" s="62"/>
    </row>
    <row r="72" spans="1:14" s="1" customFormat="1" ht="24" customHeight="1">
      <c r="A72" s="49"/>
      <c r="B72" s="90" t="s">
        <v>88</v>
      </c>
      <c r="C72" s="50"/>
      <c r="D72" s="23">
        <v>2909</v>
      </c>
      <c r="E72" s="24">
        <v>6301</v>
      </c>
      <c r="F72" s="25">
        <v>2917</v>
      </c>
      <c r="G72" s="25">
        <v>3384</v>
      </c>
      <c r="H72" s="25">
        <v>-9</v>
      </c>
      <c r="I72" s="25">
        <v>-9</v>
      </c>
      <c r="J72" s="25">
        <v>0</v>
      </c>
      <c r="K72" s="26">
        <v>2.1660364386387077</v>
      </c>
      <c r="L72" s="27">
        <v>893.75886524822693</v>
      </c>
      <c r="N72" s="62"/>
    </row>
    <row r="73" spans="1:14" s="1" customFormat="1" ht="24" customHeight="1">
      <c r="A73" s="49"/>
      <c r="B73" s="90" t="s">
        <v>89</v>
      </c>
      <c r="C73" s="50"/>
      <c r="D73" s="23">
        <v>10749</v>
      </c>
      <c r="E73" s="24">
        <v>22373</v>
      </c>
      <c r="F73" s="25">
        <v>10391</v>
      </c>
      <c r="G73" s="25">
        <v>11982</v>
      </c>
      <c r="H73" s="25">
        <v>-17</v>
      </c>
      <c r="I73" s="25">
        <v>-46</v>
      </c>
      <c r="J73" s="25">
        <v>29</v>
      </c>
      <c r="K73" s="26">
        <v>2.0814029212019722</v>
      </c>
      <c r="L73" s="27">
        <v>546.08249938979748</v>
      </c>
      <c r="N73" s="62"/>
    </row>
    <row r="74" spans="1:14" s="1" customFormat="1" ht="24" customHeight="1">
      <c r="A74" s="51"/>
      <c r="B74" s="92" t="s">
        <v>22</v>
      </c>
      <c r="C74" s="52"/>
      <c r="D74" s="36">
        <v>18805</v>
      </c>
      <c r="E74" s="37">
        <v>42214</v>
      </c>
      <c r="F74" s="38">
        <v>22057</v>
      </c>
      <c r="G74" s="38">
        <v>20157</v>
      </c>
      <c r="H74" s="38">
        <v>1</v>
      </c>
      <c r="I74" s="38">
        <v>-43</v>
      </c>
      <c r="J74" s="38">
        <v>44</v>
      </c>
      <c r="K74" s="39">
        <v>2.2448285030576973</v>
      </c>
      <c r="L74" s="40">
        <v>400.05686125852918</v>
      </c>
      <c r="N74" s="62"/>
    </row>
    <row r="75" spans="1:14" s="1" customFormat="1" ht="24" customHeight="1">
      <c r="A75" s="49"/>
      <c r="B75" s="90" t="s">
        <v>90</v>
      </c>
      <c r="C75" s="50"/>
      <c r="D75" s="23">
        <v>17668</v>
      </c>
      <c r="E75" s="24">
        <v>39300</v>
      </c>
      <c r="F75" s="25">
        <v>20567</v>
      </c>
      <c r="G75" s="25">
        <v>18733</v>
      </c>
      <c r="H75" s="25">
        <v>4</v>
      </c>
      <c r="I75" s="25">
        <v>-42</v>
      </c>
      <c r="J75" s="25">
        <v>46</v>
      </c>
      <c r="K75" s="26">
        <v>2.2243604256282543</v>
      </c>
      <c r="L75" s="27">
        <v>1146.4410735122519</v>
      </c>
      <c r="N75" s="62"/>
    </row>
    <row r="76" spans="1:14" s="1" customFormat="1" ht="24" customHeight="1">
      <c r="A76" s="49"/>
      <c r="B76" s="90" t="s">
        <v>91</v>
      </c>
      <c r="C76" s="50"/>
      <c r="D76" s="23">
        <v>1137</v>
      </c>
      <c r="E76" s="24">
        <v>2914</v>
      </c>
      <c r="F76" s="25">
        <v>1490</v>
      </c>
      <c r="G76" s="25">
        <v>1424</v>
      </c>
      <c r="H76" s="25">
        <v>-3</v>
      </c>
      <c r="I76" s="25">
        <v>-1</v>
      </c>
      <c r="J76" s="25">
        <v>-2</v>
      </c>
      <c r="K76" s="26">
        <v>2.5628847845206684</v>
      </c>
      <c r="L76" s="27">
        <v>40.903986524424482</v>
      </c>
      <c r="N76" s="62"/>
    </row>
    <row r="77" spans="1:14" s="1" customFormat="1" ht="24" customHeight="1" thickBot="1">
      <c r="A77" s="53"/>
      <c r="B77" s="88"/>
      <c r="C77" s="61"/>
      <c r="D77" s="54"/>
      <c r="E77" s="55"/>
      <c r="F77" s="55"/>
      <c r="G77" s="55"/>
      <c r="H77" s="55"/>
      <c r="I77" s="55"/>
      <c r="J77" s="55"/>
      <c r="K77" s="55"/>
      <c r="L77" s="56"/>
      <c r="N77" s="62"/>
    </row>
    <row r="78" spans="1:14" s="1" customFormat="1" ht="14.25" customHeight="1">
      <c r="B78" s="46"/>
      <c r="C78" s="46"/>
      <c r="D78" s="46"/>
      <c r="E78" s="46"/>
      <c r="F78" s="46"/>
      <c r="G78" s="46"/>
      <c r="H78" s="46"/>
      <c r="I78" s="46"/>
      <c r="J78" s="46"/>
      <c r="K78" s="46"/>
      <c r="L78" s="57" t="s">
        <v>36</v>
      </c>
      <c r="N78" s="62"/>
    </row>
    <row r="79" spans="1:14" s="1" customFormat="1" ht="14.25" customHeight="1">
      <c r="B79" s="46"/>
      <c r="C79" s="46"/>
      <c r="D79" s="46"/>
      <c r="E79" s="46"/>
      <c r="F79" s="46"/>
      <c r="G79" s="46"/>
      <c r="H79" s="46"/>
      <c r="I79" s="46"/>
      <c r="J79" s="46"/>
      <c r="K79" s="46"/>
      <c r="L79" s="46"/>
      <c r="N79" s="62"/>
    </row>
    <row r="80" spans="1:14" s="1" customFormat="1" ht="14.25" customHeight="1">
      <c r="A80" s="58" t="s">
        <v>34</v>
      </c>
      <c r="B80" s="59"/>
      <c r="C80" s="60"/>
      <c r="D80" s="60"/>
      <c r="E80" s="46"/>
      <c r="F80" s="46"/>
      <c r="G80" s="46"/>
      <c r="H80" s="46"/>
      <c r="I80" s="46"/>
      <c r="J80" s="46"/>
      <c r="K80" s="46"/>
      <c r="L80" s="46"/>
      <c r="N80" s="62"/>
    </row>
    <row r="81" spans="1:14" s="1" customFormat="1" ht="14.25" customHeight="1">
      <c r="A81" s="65"/>
      <c r="B81" s="59" t="s">
        <v>37</v>
      </c>
      <c r="C81" s="60"/>
      <c r="D81" s="60"/>
      <c r="E81" s="46"/>
      <c r="F81" s="46"/>
      <c r="G81" s="46"/>
      <c r="H81" s="46"/>
      <c r="I81" s="46"/>
      <c r="J81" s="46"/>
      <c r="K81" s="46"/>
      <c r="L81" s="46"/>
      <c r="N81" s="62"/>
    </row>
    <row r="82" spans="1:14" s="1" customFormat="1" ht="14.25" customHeight="1">
      <c r="A82" s="58" t="s">
        <v>38</v>
      </c>
      <c r="B82" s="59"/>
      <c r="C82" s="60"/>
      <c r="D82" s="60"/>
      <c r="E82" s="46"/>
      <c r="F82" s="46"/>
      <c r="G82" s="46"/>
      <c r="H82" s="46"/>
      <c r="I82" s="46"/>
      <c r="J82" s="46"/>
      <c r="K82" s="46"/>
      <c r="L82" s="46"/>
      <c r="N82" s="62"/>
    </row>
    <row r="83" spans="1:14">
      <c r="A83" s="65"/>
      <c r="B83" s="59" t="s">
        <v>39</v>
      </c>
      <c r="C83" s="60"/>
      <c r="D83" s="60"/>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4-01-18T06:29:31Z</dcterms:modified>
</cp:coreProperties>
</file>